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7\HP1807\"/>
    </mc:Choice>
  </mc:AlternateContent>
  <bookViews>
    <workbookView xWindow="0" yWindow="0" windowWidth="23040" windowHeight="9384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平成30年7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IV6553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944</v>
      </c>
      <c r="D5" s="18">
        <v>1082</v>
      </c>
      <c r="E5" s="18">
        <v>2026</v>
      </c>
      <c r="F5" s="19">
        <v>1058</v>
      </c>
      <c r="G5" s="20">
        <v>960</v>
      </c>
      <c r="H5" s="21">
        <v>1095</v>
      </c>
      <c r="I5" s="21">
        <v>2055</v>
      </c>
      <c r="J5" s="22">
        <v>1072</v>
      </c>
      <c r="K5" s="23">
        <v>16</v>
      </c>
      <c r="L5" s="24">
        <v>13</v>
      </c>
      <c r="M5" s="24">
        <v>29</v>
      </c>
      <c r="N5" s="25">
        <v>14</v>
      </c>
    </row>
    <row r="6" spans="1:14" ht="23.1" customHeight="1" x14ac:dyDescent="0.2">
      <c r="A6" s="26">
        <v>2</v>
      </c>
      <c r="B6" s="27" t="s">
        <v>11</v>
      </c>
      <c r="C6" s="28">
        <v>2154</v>
      </c>
      <c r="D6" s="29">
        <v>2271</v>
      </c>
      <c r="E6" s="29">
        <v>4425</v>
      </c>
      <c r="F6" s="30">
        <v>2153</v>
      </c>
      <c r="G6" s="31">
        <v>2147</v>
      </c>
      <c r="H6" s="32">
        <v>2258</v>
      </c>
      <c r="I6" s="32">
        <v>4405</v>
      </c>
      <c r="J6" s="33">
        <v>2144</v>
      </c>
      <c r="K6" s="34">
        <v>-7</v>
      </c>
      <c r="L6" s="35">
        <v>-13</v>
      </c>
      <c r="M6" s="35">
        <v>-20</v>
      </c>
      <c r="N6" s="36">
        <v>-9</v>
      </c>
    </row>
    <row r="7" spans="1:14" ht="23.1" customHeight="1" x14ac:dyDescent="0.2">
      <c r="A7" s="26">
        <v>3</v>
      </c>
      <c r="B7" s="27" t="s">
        <v>12</v>
      </c>
      <c r="C7" s="28">
        <v>1411</v>
      </c>
      <c r="D7" s="29">
        <v>1575</v>
      </c>
      <c r="E7" s="29">
        <v>2986</v>
      </c>
      <c r="F7" s="30">
        <v>1398</v>
      </c>
      <c r="G7" s="31">
        <v>1411</v>
      </c>
      <c r="H7" s="32">
        <v>1572</v>
      </c>
      <c r="I7" s="32">
        <v>2983</v>
      </c>
      <c r="J7" s="33">
        <v>1397</v>
      </c>
      <c r="K7" s="34">
        <v>0</v>
      </c>
      <c r="L7" s="35">
        <v>-3</v>
      </c>
      <c r="M7" s="35">
        <v>-3</v>
      </c>
      <c r="N7" s="36">
        <v>-1</v>
      </c>
    </row>
    <row r="8" spans="1:14" ht="23.1" customHeight="1" x14ac:dyDescent="0.2">
      <c r="A8" s="26">
        <v>4</v>
      </c>
      <c r="B8" s="27" t="s">
        <v>13</v>
      </c>
      <c r="C8" s="28">
        <v>890</v>
      </c>
      <c r="D8" s="29">
        <v>1054</v>
      </c>
      <c r="E8" s="29">
        <v>1944</v>
      </c>
      <c r="F8" s="30">
        <v>1012</v>
      </c>
      <c r="G8" s="31">
        <v>888</v>
      </c>
      <c r="H8" s="32">
        <v>1048</v>
      </c>
      <c r="I8" s="32">
        <v>1936</v>
      </c>
      <c r="J8" s="33">
        <v>1011</v>
      </c>
      <c r="K8" s="34">
        <v>-2</v>
      </c>
      <c r="L8" s="35">
        <v>-6</v>
      </c>
      <c r="M8" s="35">
        <v>-8</v>
      </c>
      <c r="N8" s="36">
        <v>-1</v>
      </c>
    </row>
    <row r="9" spans="1:14" ht="23.1" customHeight="1" x14ac:dyDescent="0.2">
      <c r="A9" s="26">
        <v>5</v>
      </c>
      <c r="B9" s="27" t="s">
        <v>14</v>
      </c>
      <c r="C9" s="28">
        <v>1583</v>
      </c>
      <c r="D9" s="29">
        <v>1827</v>
      </c>
      <c r="E9" s="29">
        <v>3410</v>
      </c>
      <c r="F9" s="30">
        <v>1747</v>
      </c>
      <c r="G9" s="31">
        <v>1577</v>
      </c>
      <c r="H9" s="32">
        <v>1833</v>
      </c>
      <c r="I9" s="32">
        <v>3410</v>
      </c>
      <c r="J9" s="33">
        <v>1748</v>
      </c>
      <c r="K9" s="34">
        <v>-6</v>
      </c>
      <c r="L9" s="35">
        <v>6</v>
      </c>
      <c r="M9" s="35">
        <v>0</v>
      </c>
      <c r="N9" s="36">
        <v>1</v>
      </c>
    </row>
    <row r="10" spans="1:14" ht="23.1" customHeight="1" x14ac:dyDescent="0.2">
      <c r="A10" s="26">
        <v>6</v>
      </c>
      <c r="B10" s="27" t="s">
        <v>15</v>
      </c>
      <c r="C10" s="28">
        <v>2840</v>
      </c>
      <c r="D10" s="29">
        <v>3152</v>
      </c>
      <c r="E10" s="29">
        <v>5992</v>
      </c>
      <c r="F10" s="30">
        <v>3098</v>
      </c>
      <c r="G10" s="31">
        <v>2847</v>
      </c>
      <c r="H10" s="32">
        <v>3150</v>
      </c>
      <c r="I10" s="32">
        <v>5997</v>
      </c>
      <c r="J10" s="33">
        <v>3108</v>
      </c>
      <c r="K10" s="34">
        <v>7</v>
      </c>
      <c r="L10" s="35">
        <v>-2</v>
      </c>
      <c r="M10" s="35">
        <v>5</v>
      </c>
      <c r="N10" s="36">
        <v>10</v>
      </c>
    </row>
    <row r="11" spans="1:14" ht="23.1" customHeight="1" x14ac:dyDescent="0.2">
      <c r="A11" s="26">
        <v>7</v>
      </c>
      <c r="B11" s="27" t="s">
        <v>16</v>
      </c>
      <c r="C11" s="28">
        <v>2076</v>
      </c>
      <c r="D11" s="29">
        <v>2190</v>
      </c>
      <c r="E11" s="29">
        <v>4266</v>
      </c>
      <c r="F11" s="30">
        <v>2056</v>
      </c>
      <c r="G11" s="31">
        <v>2074</v>
      </c>
      <c r="H11" s="32">
        <v>2185</v>
      </c>
      <c r="I11" s="32">
        <v>4259</v>
      </c>
      <c r="J11" s="33">
        <v>2051</v>
      </c>
      <c r="K11" s="34">
        <v>-2</v>
      </c>
      <c r="L11" s="35">
        <v>-5</v>
      </c>
      <c r="M11" s="35">
        <v>-7</v>
      </c>
      <c r="N11" s="36">
        <v>-5</v>
      </c>
    </row>
    <row r="12" spans="1:14" ht="23.1" customHeight="1" x14ac:dyDescent="0.2">
      <c r="A12" s="26">
        <v>8</v>
      </c>
      <c r="B12" s="27" t="s">
        <v>17</v>
      </c>
      <c r="C12" s="28">
        <v>1198</v>
      </c>
      <c r="D12" s="29">
        <v>1309</v>
      </c>
      <c r="E12" s="29">
        <v>2507</v>
      </c>
      <c r="F12" s="30">
        <v>1275</v>
      </c>
      <c r="G12" s="31">
        <v>1197</v>
      </c>
      <c r="H12" s="32">
        <v>1310</v>
      </c>
      <c r="I12" s="32">
        <v>2507</v>
      </c>
      <c r="J12" s="33">
        <v>1275</v>
      </c>
      <c r="K12" s="34">
        <v>-1</v>
      </c>
      <c r="L12" s="35">
        <v>1</v>
      </c>
      <c r="M12" s="35">
        <v>0</v>
      </c>
      <c r="N12" s="36">
        <v>0</v>
      </c>
    </row>
    <row r="13" spans="1:14" ht="23.1" customHeight="1" x14ac:dyDescent="0.2">
      <c r="A13" s="26">
        <v>9</v>
      </c>
      <c r="B13" s="27" t="s">
        <v>18</v>
      </c>
      <c r="C13" s="28">
        <v>3059</v>
      </c>
      <c r="D13" s="29">
        <v>3301</v>
      </c>
      <c r="E13" s="29">
        <v>6360</v>
      </c>
      <c r="F13" s="30">
        <v>3000</v>
      </c>
      <c r="G13" s="31">
        <v>3063</v>
      </c>
      <c r="H13" s="32">
        <v>3302</v>
      </c>
      <c r="I13" s="32">
        <v>6365</v>
      </c>
      <c r="J13" s="33">
        <v>3007</v>
      </c>
      <c r="K13" s="34">
        <v>4</v>
      </c>
      <c r="L13" s="35">
        <v>1</v>
      </c>
      <c r="M13" s="35">
        <v>5</v>
      </c>
      <c r="N13" s="36">
        <v>7</v>
      </c>
    </row>
    <row r="14" spans="1:14" ht="23.1" customHeight="1" x14ac:dyDescent="0.2">
      <c r="A14" s="26">
        <v>10</v>
      </c>
      <c r="B14" s="27" t="s">
        <v>19</v>
      </c>
      <c r="C14" s="28">
        <v>5635</v>
      </c>
      <c r="D14" s="29">
        <v>6304</v>
      </c>
      <c r="E14" s="29">
        <v>11939</v>
      </c>
      <c r="F14" s="30">
        <v>5660</v>
      </c>
      <c r="G14" s="31">
        <v>5669</v>
      </c>
      <c r="H14" s="32">
        <v>6306</v>
      </c>
      <c r="I14" s="32">
        <v>11975</v>
      </c>
      <c r="J14" s="33">
        <v>5695</v>
      </c>
      <c r="K14" s="34">
        <v>34</v>
      </c>
      <c r="L14" s="35">
        <v>2</v>
      </c>
      <c r="M14" s="35">
        <v>36</v>
      </c>
      <c r="N14" s="36">
        <v>35</v>
      </c>
    </row>
    <row r="15" spans="1:14" ht="23.1" customHeight="1" x14ac:dyDescent="0.2">
      <c r="A15" s="26">
        <v>11</v>
      </c>
      <c r="B15" s="27" t="s">
        <v>20</v>
      </c>
      <c r="C15" s="28">
        <v>7318</v>
      </c>
      <c r="D15" s="29">
        <v>7655</v>
      </c>
      <c r="E15" s="29">
        <v>14973</v>
      </c>
      <c r="F15" s="30">
        <v>6404</v>
      </c>
      <c r="G15" s="31">
        <v>7328</v>
      </c>
      <c r="H15" s="32">
        <v>7654</v>
      </c>
      <c r="I15" s="32">
        <v>14982</v>
      </c>
      <c r="J15" s="33">
        <v>6396</v>
      </c>
      <c r="K15" s="34">
        <v>10</v>
      </c>
      <c r="L15" s="35">
        <v>-1</v>
      </c>
      <c r="M15" s="35">
        <v>9</v>
      </c>
      <c r="N15" s="36">
        <v>-8</v>
      </c>
    </row>
    <row r="16" spans="1:14" ht="23.1" customHeight="1" x14ac:dyDescent="0.2">
      <c r="A16" s="26">
        <v>12</v>
      </c>
      <c r="B16" s="27" t="s">
        <v>21</v>
      </c>
      <c r="C16" s="28">
        <v>4124</v>
      </c>
      <c r="D16" s="29">
        <v>4246</v>
      </c>
      <c r="E16" s="29">
        <v>8370</v>
      </c>
      <c r="F16" s="30">
        <v>4155</v>
      </c>
      <c r="G16" s="31">
        <v>4136</v>
      </c>
      <c r="H16" s="32">
        <v>4253</v>
      </c>
      <c r="I16" s="32">
        <v>8389</v>
      </c>
      <c r="J16" s="33">
        <v>4169</v>
      </c>
      <c r="K16" s="34">
        <v>12</v>
      </c>
      <c r="L16" s="35">
        <v>7</v>
      </c>
      <c r="M16" s="35">
        <v>19</v>
      </c>
      <c r="N16" s="36">
        <v>14</v>
      </c>
    </row>
    <row r="17" spans="1:14" ht="23.1" customHeight="1" x14ac:dyDescent="0.2">
      <c r="A17" s="26">
        <v>13</v>
      </c>
      <c r="B17" s="27" t="s">
        <v>22</v>
      </c>
      <c r="C17" s="28">
        <v>5133</v>
      </c>
      <c r="D17" s="29">
        <v>5459</v>
      </c>
      <c r="E17" s="29">
        <v>10592</v>
      </c>
      <c r="F17" s="30">
        <v>5067</v>
      </c>
      <c r="G17" s="31">
        <v>5136</v>
      </c>
      <c r="H17" s="32">
        <v>5460</v>
      </c>
      <c r="I17" s="32">
        <v>10596</v>
      </c>
      <c r="J17" s="33">
        <v>5055</v>
      </c>
      <c r="K17" s="34">
        <v>3</v>
      </c>
      <c r="L17" s="35">
        <v>1</v>
      </c>
      <c r="M17" s="35">
        <v>4</v>
      </c>
      <c r="N17" s="36">
        <v>-12</v>
      </c>
    </row>
    <row r="18" spans="1:14" ht="23.1" customHeight="1" x14ac:dyDescent="0.2">
      <c r="A18" s="26">
        <v>14</v>
      </c>
      <c r="B18" s="27" t="s">
        <v>23</v>
      </c>
      <c r="C18" s="28">
        <v>3942</v>
      </c>
      <c r="D18" s="29">
        <v>4325</v>
      </c>
      <c r="E18" s="29">
        <v>8267</v>
      </c>
      <c r="F18" s="30">
        <v>3678</v>
      </c>
      <c r="G18" s="31">
        <v>3950</v>
      </c>
      <c r="H18" s="32">
        <v>4337</v>
      </c>
      <c r="I18" s="32">
        <v>8287</v>
      </c>
      <c r="J18" s="33">
        <v>3683</v>
      </c>
      <c r="K18" s="34">
        <v>8</v>
      </c>
      <c r="L18" s="35">
        <v>12</v>
      </c>
      <c r="M18" s="35">
        <v>20</v>
      </c>
      <c r="N18" s="36">
        <v>5</v>
      </c>
    </row>
    <row r="19" spans="1:14" ht="23.1" customHeight="1" x14ac:dyDescent="0.2">
      <c r="A19" s="26">
        <v>15</v>
      </c>
      <c r="B19" s="27" t="s">
        <v>24</v>
      </c>
      <c r="C19" s="28">
        <v>2749</v>
      </c>
      <c r="D19" s="29">
        <v>2912</v>
      </c>
      <c r="E19" s="29">
        <v>5661</v>
      </c>
      <c r="F19" s="30">
        <v>2415</v>
      </c>
      <c r="G19" s="31">
        <v>2751</v>
      </c>
      <c r="H19" s="32">
        <v>2912</v>
      </c>
      <c r="I19" s="32">
        <v>5663</v>
      </c>
      <c r="J19" s="33">
        <v>2418</v>
      </c>
      <c r="K19" s="34">
        <v>2</v>
      </c>
      <c r="L19" s="35">
        <v>0</v>
      </c>
      <c r="M19" s="35">
        <v>2</v>
      </c>
      <c r="N19" s="36">
        <v>3</v>
      </c>
    </row>
    <row r="20" spans="1:14" ht="23.1" customHeight="1" x14ac:dyDescent="0.2">
      <c r="A20" s="26">
        <v>16</v>
      </c>
      <c r="B20" s="27" t="s">
        <v>25</v>
      </c>
      <c r="C20" s="28">
        <v>5220</v>
      </c>
      <c r="D20" s="29">
        <v>4771</v>
      </c>
      <c r="E20" s="29">
        <v>9991</v>
      </c>
      <c r="F20" s="30">
        <v>5231</v>
      </c>
      <c r="G20" s="31">
        <v>5217</v>
      </c>
      <c r="H20" s="32">
        <v>4766</v>
      </c>
      <c r="I20" s="32">
        <v>9983</v>
      </c>
      <c r="J20" s="33">
        <v>5228</v>
      </c>
      <c r="K20" s="34">
        <v>-3</v>
      </c>
      <c r="L20" s="35">
        <v>-5</v>
      </c>
      <c r="M20" s="35">
        <v>-8</v>
      </c>
      <c r="N20" s="36">
        <v>-3</v>
      </c>
    </row>
    <row r="21" spans="1:14" ht="23.1" customHeight="1" x14ac:dyDescent="0.2">
      <c r="A21" s="26">
        <v>17</v>
      </c>
      <c r="B21" s="27" t="s">
        <v>26</v>
      </c>
      <c r="C21" s="28">
        <v>2040</v>
      </c>
      <c r="D21" s="29">
        <v>2290</v>
      </c>
      <c r="E21" s="29">
        <v>4330</v>
      </c>
      <c r="F21" s="30">
        <v>1809</v>
      </c>
      <c r="G21" s="31">
        <v>2046</v>
      </c>
      <c r="H21" s="32">
        <v>2292</v>
      </c>
      <c r="I21" s="32">
        <v>4338</v>
      </c>
      <c r="J21" s="33">
        <v>1810</v>
      </c>
      <c r="K21" s="34">
        <v>6</v>
      </c>
      <c r="L21" s="35">
        <v>2</v>
      </c>
      <c r="M21" s="35">
        <v>8</v>
      </c>
      <c r="N21" s="36">
        <v>1</v>
      </c>
    </row>
    <row r="22" spans="1:14" ht="23.1" customHeight="1" x14ac:dyDescent="0.2">
      <c r="A22" s="26">
        <v>18</v>
      </c>
      <c r="B22" s="27" t="s">
        <v>27</v>
      </c>
      <c r="C22" s="28">
        <v>1594</v>
      </c>
      <c r="D22" s="29">
        <v>1780</v>
      </c>
      <c r="E22" s="29">
        <v>3374</v>
      </c>
      <c r="F22" s="30">
        <v>1539</v>
      </c>
      <c r="G22" s="31">
        <v>1590</v>
      </c>
      <c r="H22" s="32">
        <v>1783</v>
      </c>
      <c r="I22" s="32">
        <v>3373</v>
      </c>
      <c r="J22" s="33">
        <v>1541</v>
      </c>
      <c r="K22" s="34">
        <v>-4</v>
      </c>
      <c r="L22" s="35">
        <v>3</v>
      </c>
      <c r="M22" s="35">
        <v>-1</v>
      </c>
      <c r="N22" s="36">
        <v>2</v>
      </c>
    </row>
    <row r="23" spans="1:14" ht="23.1" customHeight="1" x14ac:dyDescent="0.2">
      <c r="A23" s="26">
        <v>19</v>
      </c>
      <c r="B23" s="27" t="s">
        <v>28</v>
      </c>
      <c r="C23" s="28">
        <v>2936</v>
      </c>
      <c r="D23" s="29">
        <v>3043</v>
      </c>
      <c r="E23" s="29">
        <v>5979</v>
      </c>
      <c r="F23" s="30">
        <v>2507</v>
      </c>
      <c r="G23" s="31">
        <v>2943</v>
      </c>
      <c r="H23" s="32">
        <v>3050</v>
      </c>
      <c r="I23" s="32">
        <v>5993</v>
      </c>
      <c r="J23" s="33">
        <v>2513</v>
      </c>
      <c r="K23" s="34">
        <v>7</v>
      </c>
      <c r="L23" s="35">
        <v>7</v>
      </c>
      <c r="M23" s="35">
        <v>14</v>
      </c>
      <c r="N23" s="36">
        <v>6</v>
      </c>
    </row>
    <row r="24" spans="1:14" ht="23.1" customHeight="1" x14ac:dyDescent="0.2">
      <c r="A24" s="26">
        <v>20</v>
      </c>
      <c r="B24" s="27" t="s">
        <v>29</v>
      </c>
      <c r="C24" s="28">
        <v>4003</v>
      </c>
      <c r="D24" s="29">
        <v>3982</v>
      </c>
      <c r="E24" s="29">
        <v>7985</v>
      </c>
      <c r="F24" s="30">
        <v>3278</v>
      </c>
      <c r="G24" s="31">
        <v>3996</v>
      </c>
      <c r="H24" s="32">
        <v>3988</v>
      </c>
      <c r="I24" s="32">
        <v>7984</v>
      </c>
      <c r="J24" s="33">
        <v>3278</v>
      </c>
      <c r="K24" s="34">
        <v>-7</v>
      </c>
      <c r="L24" s="35">
        <v>6</v>
      </c>
      <c r="M24" s="35">
        <v>-1</v>
      </c>
      <c r="N24" s="36">
        <v>0</v>
      </c>
    </row>
    <row r="25" spans="1:14" ht="23.1" customHeight="1" x14ac:dyDescent="0.2">
      <c r="A25" s="26">
        <v>21</v>
      </c>
      <c r="B25" s="27" t="s">
        <v>30</v>
      </c>
      <c r="C25" s="28">
        <v>1200</v>
      </c>
      <c r="D25" s="29">
        <v>1379</v>
      </c>
      <c r="E25" s="29">
        <v>2579</v>
      </c>
      <c r="F25" s="30">
        <v>1059</v>
      </c>
      <c r="G25" s="31">
        <v>1195</v>
      </c>
      <c r="H25" s="32">
        <v>1373</v>
      </c>
      <c r="I25" s="32">
        <v>2568</v>
      </c>
      <c r="J25" s="33">
        <v>1055</v>
      </c>
      <c r="K25" s="34">
        <v>-5</v>
      </c>
      <c r="L25" s="35">
        <v>-6</v>
      </c>
      <c r="M25" s="35">
        <v>-11</v>
      </c>
      <c r="N25" s="36">
        <v>-4</v>
      </c>
    </row>
    <row r="26" spans="1:14" ht="23.1" customHeight="1" x14ac:dyDescent="0.2">
      <c r="A26" s="26">
        <v>22</v>
      </c>
      <c r="B26" s="27" t="s">
        <v>31</v>
      </c>
      <c r="C26" s="28">
        <v>2013</v>
      </c>
      <c r="D26" s="29">
        <v>2183</v>
      </c>
      <c r="E26" s="29">
        <v>4196</v>
      </c>
      <c r="F26" s="30">
        <v>1745</v>
      </c>
      <c r="G26" s="31">
        <v>2016</v>
      </c>
      <c r="H26" s="32">
        <v>2182</v>
      </c>
      <c r="I26" s="32">
        <v>4198</v>
      </c>
      <c r="J26" s="33">
        <v>1748</v>
      </c>
      <c r="K26" s="34">
        <v>3</v>
      </c>
      <c r="L26" s="35">
        <v>-1</v>
      </c>
      <c r="M26" s="35">
        <v>2</v>
      </c>
      <c r="N26" s="36">
        <v>3</v>
      </c>
    </row>
    <row r="27" spans="1:14" ht="23.1" customHeight="1" x14ac:dyDescent="0.2">
      <c r="A27" s="26">
        <v>23</v>
      </c>
      <c r="B27" s="27" t="s">
        <v>32</v>
      </c>
      <c r="C27" s="28">
        <v>7499</v>
      </c>
      <c r="D27" s="29">
        <v>7861</v>
      </c>
      <c r="E27" s="29">
        <v>15360</v>
      </c>
      <c r="F27" s="30">
        <v>6308</v>
      </c>
      <c r="G27" s="31">
        <v>7490</v>
      </c>
      <c r="H27" s="32">
        <v>7846</v>
      </c>
      <c r="I27" s="32">
        <v>15336</v>
      </c>
      <c r="J27" s="33">
        <v>6305</v>
      </c>
      <c r="K27" s="34">
        <v>-9</v>
      </c>
      <c r="L27" s="35">
        <v>-15</v>
      </c>
      <c r="M27" s="35">
        <v>-24</v>
      </c>
      <c r="N27" s="36">
        <v>-3</v>
      </c>
    </row>
    <row r="28" spans="1:14" ht="23.1" customHeight="1" x14ac:dyDescent="0.2">
      <c r="A28" s="26">
        <v>24</v>
      </c>
      <c r="B28" s="27" t="s">
        <v>33</v>
      </c>
      <c r="C28" s="28">
        <v>4544</v>
      </c>
      <c r="D28" s="29">
        <v>4972</v>
      </c>
      <c r="E28" s="29">
        <v>9516</v>
      </c>
      <c r="F28" s="30">
        <v>4263</v>
      </c>
      <c r="G28" s="31">
        <v>4541</v>
      </c>
      <c r="H28" s="32">
        <v>4965</v>
      </c>
      <c r="I28" s="32">
        <v>9506</v>
      </c>
      <c r="J28" s="33">
        <v>4270</v>
      </c>
      <c r="K28" s="34">
        <v>-3</v>
      </c>
      <c r="L28" s="35">
        <v>-7</v>
      </c>
      <c r="M28" s="35">
        <v>-10</v>
      </c>
      <c r="N28" s="36">
        <v>7</v>
      </c>
    </row>
    <row r="29" spans="1:14" ht="23.1" customHeight="1" x14ac:dyDescent="0.2">
      <c r="A29" s="26">
        <v>25</v>
      </c>
      <c r="B29" s="27" t="s">
        <v>34</v>
      </c>
      <c r="C29" s="28">
        <v>6095</v>
      </c>
      <c r="D29" s="29">
        <v>6245</v>
      </c>
      <c r="E29" s="29">
        <v>12340</v>
      </c>
      <c r="F29" s="30">
        <v>5496</v>
      </c>
      <c r="G29" s="31">
        <v>6106</v>
      </c>
      <c r="H29" s="32">
        <v>6259</v>
      </c>
      <c r="I29" s="32">
        <v>12365</v>
      </c>
      <c r="J29" s="33">
        <v>5501</v>
      </c>
      <c r="K29" s="34">
        <v>11</v>
      </c>
      <c r="L29" s="35">
        <v>14</v>
      </c>
      <c r="M29" s="35">
        <v>25</v>
      </c>
      <c r="N29" s="36">
        <v>5</v>
      </c>
    </row>
    <row r="30" spans="1:14" ht="23.1" customHeight="1" x14ac:dyDescent="0.2">
      <c r="A30" s="26">
        <v>26</v>
      </c>
      <c r="B30" s="27" t="s">
        <v>35</v>
      </c>
      <c r="C30" s="28">
        <v>7681</v>
      </c>
      <c r="D30" s="29">
        <v>8028</v>
      </c>
      <c r="E30" s="29">
        <v>15709</v>
      </c>
      <c r="F30" s="30">
        <v>6355</v>
      </c>
      <c r="G30" s="31">
        <v>7689</v>
      </c>
      <c r="H30" s="32">
        <v>8043</v>
      </c>
      <c r="I30" s="32">
        <v>15732</v>
      </c>
      <c r="J30" s="33">
        <v>6366</v>
      </c>
      <c r="K30" s="34">
        <v>8</v>
      </c>
      <c r="L30" s="35">
        <v>15</v>
      </c>
      <c r="M30" s="35">
        <v>23</v>
      </c>
      <c r="N30" s="36">
        <v>11</v>
      </c>
    </row>
    <row r="31" spans="1:14" ht="23.1" customHeight="1" x14ac:dyDescent="0.2">
      <c r="A31" s="26">
        <v>27</v>
      </c>
      <c r="B31" s="27" t="s">
        <v>36</v>
      </c>
      <c r="C31" s="28">
        <v>5686</v>
      </c>
      <c r="D31" s="29">
        <v>6165</v>
      </c>
      <c r="E31" s="29">
        <v>11851</v>
      </c>
      <c r="F31" s="30">
        <v>5446</v>
      </c>
      <c r="G31" s="31">
        <v>5685</v>
      </c>
      <c r="H31" s="32">
        <v>6156</v>
      </c>
      <c r="I31" s="32">
        <v>11841</v>
      </c>
      <c r="J31" s="33">
        <v>5446</v>
      </c>
      <c r="K31" s="34">
        <v>-1</v>
      </c>
      <c r="L31" s="35">
        <v>-9</v>
      </c>
      <c r="M31" s="35">
        <v>-10</v>
      </c>
      <c r="N31" s="36">
        <v>0</v>
      </c>
    </row>
    <row r="32" spans="1:14" ht="23.1" customHeight="1" x14ac:dyDescent="0.2">
      <c r="A32" s="26">
        <v>28</v>
      </c>
      <c r="B32" s="27" t="s">
        <v>37</v>
      </c>
      <c r="C32" s="28">
        <v>5651</v>
      </c>
      <c r="D32" s="29">
        <v>5886</v>
      </c>
      <c r="E32" s="29">
        <v>11537</v>
      </c>
      <c r="F32" s="30">
        <v>4714</v>
      </c>
      <c r="G32" s="31">
        <v>5643</v>
      </c>
      <c r="H32" s="32">
        <v>5881</v>
      </c>
      <c r="I32" s="32">
        <v>11524</v>
      </c>
      <c r="J32" s="33">
        <v>4710</v>
      </c>
      <c r="K32" s="34">
        <v>-8</v>
      </c>
      <c r="L32" s="35">
        <v>-5</v>
      </c>
      <c r="M32" s="35">
        <v>-13</v>
      </c>
      <c r="N32" s="36">
        <v>-4</v>
      </c>
    </row>
    <row r="33" spans="1:14" ht="23.1" customHeight="1" x14ac:dyDescent="0.2">
      <c r="A33" s="26">
        <v>29</v>
      </c>
      <c r="B33" s="27" t="s">
        <v>38</v>
      </c>
      <c r="C33" s="28">
        <v>2894</v>
      </c>
      <c r="D33" s="29">
        <v>3024</v>
      </c>
      <c r="E33" s="29">
        <v>5918</v>
      </c>
      <c r="F33" s="30">
        <v>2411</v>
      </c>
      <c r="G33" s="31">
        <v>2897</v>
      </c>
      <c r="H33" s="32">
        <v>3028</v>
      </c>
      <c r="I33" s="32">
        <v>5925</v>
      </c>
      <c r="J33" s="33">
        <v>2415</v>
      </c>
      <c r="K33" s="34">
        <v>3</v>
      </c>
      <c r="L33" s="35">
        <v>4</v>
      </c>
      <c r="M33" s="35">
        <v>7</v>
      </c>
      <c r="N33" s="36">
        <v>4</v>
      </c>
    </row>
    <row r="34" spans="1:14" ht="23.1" customHeight="1" x14ac:dyDescent="0.2">
      <c r="A34" s="26">
        <v>30</v>
      </c>
      <c r="B34" s="27" t="s">
        <v>39</v>
      </c>
      <c r="C34" s="28">
        <v>6792</v>
      </c>
      <c r="D34" s="29">
        <v>7076</v>
      </c>
      <c r="E34" s="29">
        <v>13868</v>
      </c>
      <c r="F34" s="30">
        <v>6166</v>
      </c>
      <c r="G34" s="31">
        <v>6808</v>
      </c>
      <c r="H34" s="32">
        <v>7069</v>
      </c>
      <c r="I34" s="32">
        <v>13877</v>
      </c>
      <c r="J34" s="33">
        <v>6176</v>
      </c>
      <c r="K34" s="34">
        <v>16</v>
      </c>
      <c r="L34" s="35">
        <v>-7</v>
      </c>
      <c r="M34" s="35">
        <v>9</v>
      </c>
      <c r="N34" s="36">
        <v>10</v>
      </c>
    </row>
    <row r="35" spans="1:14" ht="23.1" customHeight="1" x14ac:dyDescent="0.2">
      <c r="A35" s="26">
        <v>31</v>
      </c>
      <c r="B35" s="27" t="s">
        <v>40</v>
      </c>
      <c r="C35" s="28">
        <v>2622</v>
      </c>
      <c r="D35" s="29">
        <v>2589</v>
      </c>
      <c r="E35" s="29">
        <v>5211</v>
      </c>
      <c r="F35" s="30">
        <v>2201</v>
      </c>
      <c r="G35" s="31">
        <v>2628</v>
      </c>
      <c r="H35" s="32">
        <v>2594</v>
      </c>
      <c r="I35" s="32">
        <v>5222</v>
      </c>
      <c r="J35" s="33">
        <v>2202</v>
      </c>
      <c r="K35" s="34">
        <v>6</v>
      </c>
      <c r="L35" s="35">
        <v>5</v>
      </c>
      <c r="M35" s="35">
        <v>11</v>
      </c>
      <c r="N35" s="36">
        <v>1</v>
      </c>
    </row>
    <row r="36" spans="1:14" ht="23.1" customHeight="1" x14ac:dyDescent="0.2">
      <c r="A36" s="26">
        <v>32</v>
      </c>
      <c r="B36" s="27" t="s">
        <v>41</v>
      </c>
      <c r="C36" s="28">
        <v>3566</v>
      </c>
      <c r="D36" s="29">
        <v>3779</v>
      </c>
      <c r="E36" s="29">
        <v>7345</v>
      </c>
      <c r="F36" s="30">
        <v>2845</v>
      </c>
      <c r="G36" s="31">
        <v>3568</v>
      </c>
      <c r="H36" s="32">
        <v>3773</v>
      </c>
      <c r="I36" s="32">
        <v>7341</v>
      </c>
      <c r="J36" s="33">
        <v>2848</v>
      </c>
      <c r="K36" s="34">
        <v>2</v>
      </c>
      <c r="L36" s="35">
        <v>-6</v>
      </c>
      <c r="M36" s="35">
        <v>-4</v>
      </c>
      <c r="N36" s="36">
        <v>3</v>
      </c>
    </row>
    <row r="37" spans="1:14" ht="23.1" customHeight="1" x14ac:dyDescent="0.2">
      <c r="A37" s="26">
        <v>33</v>
      </c>
      <c r="B37" s="27" t="s">
        <v>42</v>
      </c>
      <c r="C37" s="28">
        <v>3218</v>
      </c>
      <c r="D37" s="29">
        <v>3461</v>
      </c>
      <c r="E37" s="29">
        <v>6679</v>
      </c>
      <c r="F37" s="30">
        <v>2655</v>
      </c>
      <c r="G37" s="31">
        <v>3209</v>
      </c>
      <c r="H37" s="32">
        <v>3451</v>
      </c>
      <c r="I37" s="32">
        <v>6660</v>
      </c>
      <c r="J37" s="33">
        <v>2652</v>
      </c>
      <c r="K37" s="34">
        <v>-9</v>
      </c>
      <c r="L37" s="35">
        <v>-10</v>
      </c>
      <c r="M37" s="35">
        <v>-19</v>
      </c>
      <c r="N37" s="36">
        <v>-3</v>
      </c>
    </row>
    <row r="38" spans="1:14" ht="23.1" customHeight="1" x14ac:dyDescent="0.2">
      <c r="A38" s="26">
        <v>34</v>
      </c>
      <c r="B38" s="27" t="s">
        <v>43</v>
      </c>
      <c r="C38" s="28">
        <v>1705</v>
      </c>
      <c r="D38" s="29">
        <v>1804</v>
      </c>
      <c r="E38" s="29">
        <v>3509</v>
      </c>
      <c r="F38" s="30">
        <v>1380</v>
      </c>
      <c r="G38" s="31">
        <v>1697</v>
      </c>
      <c r="H38" s="32">
        <v>1800</v>
      </c>
      <c r="I38" s="32">
        <v>3497</v>
      </c>
      <c r="J38" s="33">
        <v>1379</v>
      </c>
      <c r="K38" s="34">
        <v>-8</v>
      </c>
      <c r="L38" s="35">
        <v>-4</v>
      </c>
      <c r="M38" s="35">
        <v>-12</v>
      </c>
      <c r="N38" s="36">
        <v>-1</v>
      </c>
    </row>
    <row r="39" spans="1:14" ht="23.1" customHeight="1" x14ac:dyDescent="0.2">
      <c r="A39" s="26">
        <v>35</v>
      </c>
      <c r="B39" s="27" t="s">
        <v>44</v>
      </c>
      <c r="C39" s="28">
        <v>1151</v>
      </c>
      <c r="D39" s="29">
        <v>1267</v>
      </c>
      <c r="E39" s="29">
        <v>2418</v>
      </c>
      <c r="F39" s="30">
        <v>945</v>
      </c>
      <c r="G39" s="31">
        <v>1152</v>
      </c>
      <c r="H39" s="32">
        <v>1266</v>
      </c>
      <c r="I39" s="32">
        <v>2418</v>
      </c>
      <c r="J39" s="33">
        <v>944</v>
      </c>
      <c r="K39" s="34">
        <v>1</v>
      </c>
      <c r="L39" s="35">
        <v>-1</v>
      </c>
      <c r="M39" s="35">
        <v>0</v>
      </c>
      <c r="N39" s="36">
        <v>-1</v>
      </c>
    </row>
    <row r="40" spans="1:14" ht="23.1" customHeight="1" x14ac:dyDescent="0.2">
      <c r="A40" s="26">
        <v>36</v>
      </c>
      <c r="B40" s="27" t="s">
        <v>45</v>
      </c>
      <c r="C40" s="28">
        <v>1482</v>
      </c>
      <c r="D40" s="29">
        <v>1467</v>
      </c>
      <c r="E40" s="29">
        <v>2949</v>
      </c>
      <c r="F40" s="30">
        <v>1186</v>
      </c>
      <c r="G40" s="31">
        <v>1479</v>
      </c>
      <c r="H40" s="32">
        <v>1462</v>
      </c>
      <c r="I40" s="32">
        <v>2941</v>
      </c>
      <c r="J40" s="33">
        <v>1185</v>
      </c>
      <c r="K40" s="34">
        <v>-3</v>
      </c>
      <c r="L40" s="35">
        <v>-5</v>
      </c>
      <c r="M40" s="35">
        <v>-8</v>
      </c>
      <c r="N40" s="36">
        <v>-1</v>
      </c>
    </row>
    <row r="41" spans="1:14" ht="23.1" customHeight="1" x14ac:dyDescent="0.2">
      <c r="A41" s="26">
        <v>37</v>
      </c>
      <c r="B41" s="27" t="s">
        <v>46</v>
      </c>
      <c r="C41" s="28">
        <v>1477</v>
      </c>
      <c r="D41" s="29">
        <v>1637</v>
      </c>
      <c r="E41" s="29">
        <v>3114</v>
      </c>
      <c r="F41" s="30">
        <v>1234</v>
      </c>
      <c r="G41" s="31">
        <v>1481</v>
      </c>
      <c r="H41" s="32">
        <v>1641</v>
      </c>
      <c r="I41" s="32">
        <v>3122</v>
      </c>
      <c r="J41" s="33">
        <v>1238</v>
      </c>
      <c r="K41" s="34">
        <v>4</v>
      </c>
      <c r="L41" s="35">
        <v>4</v>
      </c>
      <c r="M41" s="35">
        <v>8</v>
      </c>
      <c r="N41" s="36">
        <v>4</v>
      </c>
    </row>
    <row r="42" spans="1:14" ht="23.1" customHeight="1" x14ac:dyDescent="0.2">
      <c r="A42" s="26">
        <v>38</v>
      </c>
      <c r="B42" s="27" t="s">
        <v>47</v>
      </c>
      <c r="C42" s="28">
        <v>6119</v>
      </c>
      <c r="D42" s="29">
        <v>6497</v>
      </c>
      <c r="E42" s="29">
        <v>12616</v>
      </c>
      <c r="F42" s="30">
        <v>5288</v>
      </c>
      <c r="G42" s="31">
        <v>6116</v>
      </c>
      <c r="H42" s="32">
        <v>6497</v>
      </c>
      <c r="I42" s="32">
        <v>12613</v>
      </c>
      <c r="J42" s="33">
        <v>5295</v>
      </c>
      <c r="K42" s="34">
        <v>-3</v>
      </c>
      <c r="L42" s="35">
        <v>0</v>
      </c>
      <c r="M42" s="35">
        <v>-3</v>
      </c>
      <c r="N42" s="36">
        <v>7</v>
      </c>
    </row>
    <row r="43" spans="1:14" ht="23.1" customHeight="1" x14ac:dyDescent="0.2">
      <c r="A43" s="26">
        <v>39</v>
      </c>
      <c r="B43" s="27" t="s">
        <v>48</v>
      </c>
      <c r="C43" s="28">
        <v>2038</v>
      </c>
      <c r="D43" s="29">
        <v>2115</v>
      </c>
      <c r="E43" s="29">
        <v>4153</v>
      </c>
      <c r="F43" s="30">
        <v>1689</v>
      </c>
      <c r="G43" s="31">
        <v>2035</v>
      </c>
      <c r="H43" s="32">
        <v>2103</v>
      </c>
      <c r="I43" s="32">
        <v>4138</v>
      </c>
      <c r="J43" s="33">
        <v>1689</v>
      </c>
      <c r="K43" s="34">
        <v>-3</v>
      </c>
      <c r="L43" s="35">
        <v>-12</v>
      </c>
      <c r="M43" s="35">
        <v>-15</v>
      </c>
      <c r="N43" s="36">
        <v>0</v>
      </c>
    </row>
    <row r="44" spans="1:14" ht="23.1" customHeight="1" x14ac:dyDescent="0.2">
      <c r="A44" s="26">
        <v>40</v>
      </c>
      <c r="B44" s="27" t="s">
        <v>49</v>
      </c>
      <c r="C44" s="28">
        <v>854</v>
      </c>
      <c r="D44" s="29">
        <v>880</v>
      </c>
      <c r="E44" s="29">
        <v>1734</v>
      </c>
      <c r="F44" s="30">
        <v>641</v>
      </c>
      <c r="G44" s="31">
        <v>851</v>
      </c>
      <c r="H44" s="32">
        <v>879</v>
      </c>
      <c r="I44" s="32">
        <v>1730</v>
      </c>
      <c r="J44" s="33">
        <v>640</v>
      </c>
      <c r="K44" s="34">
        <v>-3</v>
      </c>
      <c r="L44" s="35">
        <v>-1</v>
      </c>
      <c r="M44" s="35">
        <v>-4</v>
      </c>
      <c r="N44" s="36">
        <v>-1</v>
      </c>
    </row>
    <row r="45" spans="1:14" ht="23.1" customHeight="1" x14ac:dyDescent="0.2">
      <c r="A45" s="26">
        <v>41</v>
      </c>
      <c r="B45" s="27" t="s">
        <v>50</v>
      </c>
      <c r="C45" s="28">
        <v>839</v>
      </c>
      <c r="D45" s="29">
        <v>895</v>
      </c>
      <c r="E45" s="29">
        <v>1734</v>
      </c>
      <c r="F45" s="30">
        <v>964</v>
      </c>
      <c r="G45" s="31">
        <v>837</v>
      </c>
      <c r="H45" s="32">
        <v>893</v>
      </c>
      <c r="I45" s="32">
        <v>1730</v>
      </c>
      <c r="J45" s="33">
        <v>963</v>
      </c>
      <c r="K45" s="34">
        <v>-2</v>
      </c>
      <c r="L45" s="35">
        <v>-2</v>
      </c>
      <c r="M45" s="35">
        <v>-4</v>
      </c>
      <c r="N45" s="36">
        <v>-1</v>
      </c>
    </row>
    <row r="46" spans="1:14" ht="23.1" customHeight="1" x14ac:dyDescent="0.2">
      <c r="A46" s="26">
        <v>42</v>
      </c>
      <c r="B46" s="27" t="s">
        <v>51</v>
      </c>
      <c r="C46" s="28">
        <v>1664</v>
      </c>
      <c r="D46" s="29">
        <v>1692</v>
      </c>
      <c r="E46" s="29">
        <v>3356</v>
      </c>
      <c r="F46" s="30">
        <v>1304</v>
      </c>
      <c r="G46" s="31">
        <v>1679</v>
      </c>
      <c r="H46" s="32">
        <v>1700</v>
      </c>
      <c r="I46" s="32">
        <v>3379</v>
      </c>
      <c r="J46" s="33">
        <v>1320</v>
      </c>
      <c r="K46" s="34">
        <v>15</v>
      </c>
      <c r="L46" s="35">
        <v>8</v>
      </c>
      <c r="M46" s="35">
        <v>23</v>
      </c>
      <c r="N46" s="36">
        <v>16</v>
      </c>
    </row>
    <row r="47" spans="1:14" ht="23.1" customHeight="1" x14ac:dyDescent="0.2">
      <c r="A47" s="26">
        <v>43</v>
      </c>
      <c r="B47" s="27" t="s">
        <v>52</v>
      </c>
      <c r="C47" s="28">
        <v>493</v>
      </c>
      <c r="D47" s="29">
        <v>541</v>
      </c>
      <c r="E47" s="29">
        <v>1034</v>
      </c>
      <c r="F47" s="30">
        <v>398</v>
      </c>
      <c r="G47" s="31">
        <v>494</v>
      </c>
      <c r="H47" s="32">
        <v>542</v>
      </c>
      <c r="I47" s="32">
        <v>1036</v>
      </c>
      <c r="J47" s="33">
        <v>399</v>
      </c>
      <c r="K47" s="34">
        <v>1</v>
      </c>
      <c r="L47" s="35">
        <v>1</v>
      </c>
      <c r="M47" s="35">
        <v>2</v>
      </c>
      <c r="N47" s="36">
        <v>1</v>
      </c>
    </row>
    <row r="48" spans="1:14" ht="23.1" customHeight="1" x14ac:dyDescent="0.2">
      <c r="A48" s="26">
        <v>44</v>
      </c>
      <c r="B48" s="27" t="s">
        <v>53</v>
      </c>
      <c r="C48" s="28">
        <v>1700</v>
      </c>
      <c r="D48" s="29">
        <v>1977</v>
      </c>
      <c r="E48" s="29">
        <v>3677</v>
      </c>
      <c r="F48" s="30">
        <v>1616</v>
      </c>
      <c r="G48" s="31">
        <v>1698</v>
      </c>
      <c r="H48" s="32">
        <v>1973</v>
      </c>
      <c r="I48" s="32">
        <v>3671</v>
      </c>
      <c r="J48" s="33">
        <v>1620</v>
      </c>
      <c r="K48" s="34">
        <v>-2</v>
      </c>
      <c r="L48" s="35">
        <v>-4</v>
      </c>
      <c r="M48" s="35">
        <v>-6</v>
      </c>
      <c r="N48" s="36">
        <v>4</v>
      </c>
    </row>
    <row r="49" spans="1:14" ht="23.1" customHeight="1" x14ac:dyDescent="0.2">
      <c r="A49" s="26">
        <v>45</v>
      </c>
      <c r="B49" s="27" t="s">
        <v>54</v>
      </c>
      <c r="C49" s="28">
        <v>1957</v>
      </c>
      <c r="D49" s="29">
        <v>2107</v>
      </c>
      <c r="E49" s="29">
        <v>4064</v>
      </c>
      <c r="F49" s="30">
        <v>1730</v>
      </c>
      <c r="G49" s="31">
        <v>1957</v>
      </c>
      <c r="H49" s="32">
        <v>2108</v>
      </c>
      <c r="I49" s="32">
        <v>4065</v>
      </c>
      <c r="J49" s="33">
        <v>1734</v>
      </c>
      <c r="K49" s="34">
        <v>0</v>
      </c>
      <c r="L49" s="35">
        <v>1</v>
      </c>
      <c r="M49" s="35">
        <v>1</v>
      </c>
      <c r="N49" s="36">
        <v>4</v>
      </c>
    </row>
    <row r="50" spans="1:14" ht="23.1" customHeight="1" x14ac:dyDescent="0.2">
      <c r="A50" s="26">
        <v>46</v>
      </c>
      <c r="B50" s="27" t="s">
        <v>55</v>
      </c>
      <c r="C50" s="28">
        <v>965</v>
      </c>
      <c r="D50" s="29">
        <v>999</v>
      </c>
      <c r="E50" s="29">
        <v>1964</v>
      </c>
      <c r="F50" s="30">
        <v>806</v>
      </c>
      <c r="G50" s="31">
        <v>963</v>
      </c>
      <c r="H50" s="32">
        <v>1001</v>
      </c>
      <c r="I50" s="32">
        <v>1964</v>
      </c>
      <c r="J50" s="33">
        <v>807</v>
      </c>
      <c r="K50" s="34">
        <v>-2</v>
      </c>
      <c r="L50" s="35">
        <v>2</v>
      </c>
      <c r="M50" s="35">
        <v>0</v>
      </c>
      <c r="N50" s="36">
        <v>1</v>
      </c>
    </row>
    <row r="51" spans="1:14" ht="23.1" customHeight="1" x14ac:dyDescent="0.2">
      <c r="A51" s="26">
        <v>47</v>
      </c>
      <c r="B51" s="27" t="s">
        <v>56</v>
      </c>
      <c r="C51" s="28">
        <v>1998</v>
      </c>
      <c r="D51" s="29">
        <v>2060</v>
      </c>
      <c r="E51" s="29">
        <v>4058</v>
      </c>
      <c r="F51" s="30">
        <v>1698</v>
      </c>
      <c r="G51" s="31">
        <v>1997</v>
      </c>
      <c r="H51" s="32">
        <v>2059</v>
      </c>
      <c r="I51" s="32">
        <v>4056</v>
      </c>
      <c r="J51" s="33">
        <v>1702</v>
      </c>
      <c r="K51" s="34">
        <v>-1</v>
      </c>
      <c r="L51" s="35">
        <v>-1</v>
      </c>
      <c r="M51" s="35">
        <v>-2</v>
      </c>
      <c r="N51" s="36">
        <v>4</v>
      </c>
    </row>
    <row r="52" spans="1:14" ht="23.1" customHeight="1" x14ac:dyDescent="0.2">
      <c r="A52" s="26">
        <v>48</v>
      </c>
      <c r="B52" s="27" t="s">
        <v>57</v>
      </c>
      <c r="C52" s="28">
        <v>869</v>
      </c>
      <c r="D52" s="29">
        <v>900</v>
      </c>
      <c r="E52" s="29">
        <v>1769</v>
      </c>
      <c r="F52" s="30">
        <v>612</v>
      </c>
      <c r="G52" s="31">
        <v>868</v>
      </c>
      <c r="H52" s="32">
        <v>897</v>
      </c>
      <c r="I52" s="32">
        <v>1765</v>
      </c>
      <c r="J52" s="33">
        <v>611</v>
      </c>
      <c r="K52" s="34">
        <v>-1</v>
      </c>
      <c r="L52" s="35">
        <v>-3</v>
      </c>
      <c r="M52" s="35">
        <v>-4</v>
      </c>
      <c r="N52" s="36">
        <v>-1</v>
      </c>
    </row>
    <row r="53" spans="1:14" ht="23.1" customHeight="1" x14ac:dyDescent="0.2">
      <c r="A53" s="26">
        <v>49</v>
      </c>
      <c r="B53" s="27" t="s">
        <v>58</v>
      </c>
      <c r="C53" s="28">
        <v>4414</v>
      </c>
      <c r="D53" s="29">
        <v>4522</v>
      </c>
      <c r="E53" s="29">
        <v>8936</v>
      </c>
      <c r="F53" s="30">
        <v>4164</v>
      </c>
      <c r="G53" s="31">
        <v>4416</v>
      </c>
      <c r="H53" s="32">
        <v>4522</v>
      </c>
      <c r="I53" s="32">
        <v>8938</v>
      </c>
      <c r="J53" s="33">
        <v>4168</v>
      </c>
      <c r="K53" s="34">
        <v>2</v>
      </c>
      <c r="L53" s="35">
        <v>0</v>
      </c>
      <c r="M53" s="35">
        <v>2</v>
      </c>
      <c r="N53" s="36">
        <v>4</v>
      </c>
    </row>
    <row r="54" spans="1:14" ht="23.1" customHeight="1" x14ac:dyDescent="0.2">
      <c r="A54" s="26">
        <v>50</v>
      </c>
      <c r="B54" s="27" t="s">
        <v>59</v>
      </c>
      <c r="C54" s="28">
        <v>6339</v>
      </c>
      <c r="D54" s="29">
        <v>6342</v>
      </c>
      <c r="E54" s="29">
        <v>12681</v>
      </c>
      <c r="F54" s="30">
        <v>5542</v>
      </c>
      <c r="G54" s="31">
        <v>6348</v>
      </c>
      <c r="H54" s="32">
        <v>6347</v>
      </c>
      <c r="I54" s="32">
        <v>12695</v>
      </c>
      <c r="J54" s="33">
        <v>5550</v>
      </c>
      <c r="K54" s="34">
        <v>9</v>
      </c>
      <c r="L54" s="35">
        <v>5</v>
      </c>
      <c r="M54" s="35">
        <v>14</v>
      </c>
      <c r="N54" s="36">
        <v>8</v>
      </c>
    </row>
    <row r="55" spans="1:14" ht="23.1" customHeight="1" x14ac:dyDescent="0.2">
      <c r="A55" s="26">
        <v>99</v>
      </c>
      <c r="B55" s="27" t="s">
        <v>60</v>
      </c>
      <c r="C55" s="28">
        <v>156374</v>
      </c>
      <c r="D55" s="29">
        <v>164878</v>
      </c>
      <c r="E55" s="29">
        <v>321252</v>
      </c>
      <c r="F55" s="30">
        <v>141401</v>
      </c>
      <c r="G55" s="31">
        <v>156469</v>
      </c>
      <c r="H55" s="32">
        <v>164864</v>
      </c>
      <c r="I55" s="32">
        <v>321333</v>
      </c>
      <c r="J55" s="33">
        <v>141537</v>
      </c>
      <c r="K55" s="34">
        <v>95</v>
      </c>
      <c r="L55" s="35">
        <v>-14</v>
      </c>
      <c r="M55" s="35">
        <v>81</v>
      </c>
      <c r="N55" s="36">
        <v>136</v>
      </c>
    </row>
    <row r="56" spans="1:14" ht="23.1" customHeight="1" x14ac:dyDescent="0.2">
      <c r="A56" s="37">
        <v>101</v>
      </c>
      <c r="B56" s="38" t="s">
        <v>61</v>
      </c>
      <c r="C56" s="28">
        <v>160</v>
      </c>
      <c r="D56" s="29">
        <v>180</v>
      </c>
      <c r="E56" s="29">
        <v>340</v>
      </c>
      <c r="F56" s="30">
        <v>135</v>
      </c>
      <c r="G56" s="31">
        <v>161</v>
      </c>
      <c r="H56" s="32">
        <v>179</v>
      </c>
      <c r="I56" s="32">
        <v>340</v>
      </c>
      <c r="J56" s="33">
        <v>135</v>
      </c>
      <c r="K56" s="34">
        <v>1</v>
      </c>
      <c r="L56" s="35">
        <v>-1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36</v>
      </c>
      <c r="D57" s="29">
        <v>136</v>
      </c>
      <c r="E57" s="29">
        <v>272</v>
      </c>
      <c r="F57" s="30">
        <v>117</v>
      </c>
      <c r="G57" s="31">
        <v>135</v>
      </c>
      <c r="H57" s="32">
        <v>136</v>
      </c>
      <c r="I57" s="32">
        <v>271</v>
      </c>
      <c r="J57" s="33">
        <v>117</v>
      </c>
      <c r="K57" s="34">
        <v>-1</v>
      </c>
      <c r="L57" s="35">
        <v>0</v>
      </c>
      <c r="M57" s="35">
        <v>-1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89</v>
      </c>
      <c r="D58" s="29">
        <v>1038</v>
      </c>
      <c r="E58" s="29">
        <v>2127</v>
      </c>
      <c r="F58" s="30">
        <v>1017</v>
      </c>
      <c r="G58" s="31">
        <v>1087</v>
      </c>
      <c r="H58" s="32">
        <v>1036</v>
      </c>
      <c r="I58" s="32">
        <v>2123</v>
      </c>
      <c r="J58" s="33">
        <v>1023</v>
      </c>
      <c r="K58" s="34">
        <v>-2</v>
      </c>
      <c r="L58" s="35">
        <v>-2</v>
      </c>
      <c r="M58" s="35">
        <v>-4</v>
      </c>
      <c r="N58" s="36">
        <v>6</v>
      </c>
    </row>
    <row r="59" spans="1:14" ht="23.1" customHeight="1" x14ac:dyDescent="0.2">
      <c r="A59" s="37">
        <v>104</v>
      </c>
      <c r="B59" s="38" t="s">
        <v>64</v>
      </c>
      <c r="C59" s="28">
        <v>5738</v>
      </c>
      <c r="D59" s="29">
        <v>6087</v>
      </c>
      <c r="E59" s="29">
        <v>11825</v>
      </c>
      <c r="F59" s="30">
        <v>4681</v>
      </c>
      <c r="G59" s="31">
        <v>5728</v>
      </c>
      <c r="H59" s="32">
        <v>6095</v>
      </c>
      <c r="I59" s="32">
        <v>11823</v>
      </c>
      <c r="J59" s="33">
        <v>4690</v>
      </c>
      <c r="K59" s="34">
        <v>-10</v>
      </c>
      <c r="L59" s="35">
        <v>8</v>
      </c>
      <c r="M59" s="35">
        <v>-2</v>
      </c>
      <c r="N59" s="36">
        <v>9</v>
      </c>
    </row>
    <row r="60" spans="1:14" ht="23.1" customHeight="1" x14ac:dyDescent="0.2">
      <c r="A60" s="37">
        <v>105</v>
      </c>
      <c r="B60" s="38" t="s">
        <v>65</v>
      </c>
      <c r="C60" s="28">
        <v>3597</v>
      </c>
      <c r="D60" s="29">
        <v>3690</v>
      </c>
      <c r="E60" s="29">
        <v>7287</v>
      </c>
      <c r="F60" s="30">
        <v>2785</v>
      </c>
      <c r="G60" s="31">
        <v>3606</v>
      </c>
      <c r="H60" s="32">
        <v>3700</v>
      </c>
      <c r="I60" s="32">
        <v>7306</v>
      </c>
      <c r="J60" s="33">
        <v>2797</v>
      </c>
      <c r="K60" s="34">
        <v>9</v>
      </c>
      <c r="L60" s="35">
        <v>10</v>
      </c>
      <c r="M60" s="35">
        <v>19</v>
      </c>
      <c r="N60" s="36">
        <v>12</v>
      </c>
    </row>
    <row r="61" spans="1:14" ht="23.1" customHeight="1" x14ac:dyDescent="0.2">
      <c r="A61" s="37">
        <v>199</v>
      </c>
      <c r="B61" s="38" t="s">
        <v>66</v>
      </c>
      <c r="C61" s="28">
        <v>10720</v>
      </c>
      <c r="D61" s="29">
        <v>11131</v>
      </c>
      <c r="E61" s="29">
        <v>21851</v>
      </c>
      <c r="F61" s="30">
        <v>8735</v>
      </c>
      <c r="G61" s="31">
        <v>10717</v>
      </c>
      <c r="H61" s="32">
        <v>11146</v>
      </c>
      <c r="I61" s="32">
        <v>21863</v>
      </c>
      <c r="J61" s="33">
        <v>8762</v>
      </c>
      <c r="K61" s="34">
        <v>-3</v>
      </c>
      <c r="L61" s="35">
        <v>15</v>
      </c>
      <c r="M61" s="35">
        <v>12</v>
      </c>
      <c r="N61" s="36">
        <v>27</v>
      </c>
    </row>
    <row r="62" spans="1:14" ht="23.1" customHeight="1" x14ac:dyDescent="0.2">
      <c r="A62" s="37">
        <v>201</v>
      </c>
      <c r="B62" s="38" t="s">
        <v>67</v>
      </c>
      <c r="C62" s="28">
        <v>1372</v>
      </c>
      <c r="D62" s="29">
        <v>1501</v>
      </c>
      <c r="E62" s="29">
        <v>2873</v>
      </c>
      <c r="F62" s="30">
        <v>1156</v>
      </c>
      <c r="G62" s="31">
        <v>1371</v>
      </c>
      <c r="H62" s="32">
        <v>1496</v>
      </c>
      <c r="I62" s="32">
        <v>2867</v>
      </c>
      <c r="J62" s="33">
        <v>1156</v>
      </c>
      <c r="K62" s="34">
        <v>-1</v>
      </c>
      <c r="L62" s="35">
        <v>-5</v>
      </c>
      <c r="M62" s="35">
        <v>-6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419</v>
      </c>
      <c r="D63" s="29">
        <v>491</v>
      </c>
      <c r="E63" s="29">
        <v>910</v>
      </c>
      <c r="F63" s="30">
        <v>387</v>
      </c>
      <c r="G63" s="31">
        <v>489</v>
      </c>
      <c r="H63" s="32">
        <v>507</v>
      </c>
      <c r="I63" s="32">
        <v>996</v>
      </c>
      <c r="J63" s="33">
        <v>475</v>
      </c>
      <c r="K63" s="34">
        <v>70</v>
      </c>
      <c r="L63" s="35">
        <v>16</v>
      </c>
      <c r="M63" s="35">
        <v>86</v>
      </c>
      <c r="N63" s="36">
        <v>88</v>
      </c>
    </row>
    <row r="64" spans="1:14" ht="23.1" customHeight="1" x14ac:dyDescent="0.2">
      <c r="A64" s="37">
        <v>203</v>
      </c>
      <c r="B64" s="38" t="s">
        <v>69</v>
      </c>
      <c r="C64" s="28">
        <v>2558</v>
      </c>
      <c r="D64" s="29">
        <v>2651</v>
      </c>
      <c r="E64" s="29">
        <v>5209</v>
      </c>
      <c r="F64" s="30">
        <v>1844</v>
      </c>
      <c r="G64" s="31">
        <v>2551</v>
      </c>
      <c r="H64" s="32">
        <v>2644</v>
      </c>
      <c r="I64" s="32">
        <v>5195</v>
      </c>
      <c r="J64" s="33">
        <v>1838</v>
      </c>
      <c r="K64" s="34">
        <v>-7</v>
      </c>
      <c r="L64" s="35">
        <v>-7</v>
      </c>
      <c r="M64" s="35">
        <v>-14</v>
      </c>
      <c r="N64" s="36">
        <v>-6</v>
      </c>
    </row>
    <row r="65" spans="1:14" ht="23.1" customHeight="1" x14ac:dyDescent="0.2">
      <c r="A65" s="37">
        <v>204</v>
      </c>
      <c r="B65" s="38" t="s">
        <v>70</v>
      </c>
      <c r="C65" s="28">
        <v>468</v>
      </c>
      <c r="D65" s="29">
        <v>507</v>
      </c>
      <c r="E65" s="29">
        <v>975</v>
      </c>
      <c r="F65" s="30">
        <v>419</v>
      </c>
      <c r="G65" s="31">
        <v>467</v>
      </c>
      <c r="H65" s="32">
        <v>507</v>
      </c>
      <c r="I65" s="32">
        <v>974</v>
      </c>
      <c r="J65" s="33">
        <v>421</v>
      </c>
      <c r="K65" s="34">
        <v>-1</v>
      </c>
      <c r="L65" s="35">
        <v>0</v>
      </c>
      <c r="M65" s="35">
        <v>-1</v>
      </c>
      <c r="N65" s="36">
        <v>2</v>
      </c>
    </row>
    <row r="66" spans="1:14" ht="23.1" customHeight="1" x14ac:dyDescent="0.2">
      <c r="A66" s="37">
        <v>299</v>
      </c>
      <c r="B66" s="38" t="s">
        <v>71</v>
      </c>
      <c r="C66" s="28">
        <v>4817</v>
      </c>
      <c r="D66" s="29">
        <v>5150</v>
      </c>
      <c r="E66" s="29">
        <v>9967</v>
      </c>
      <c r="F66" s="30">
        <v>3806</v>
      </c>
      <c r="G66" s="31">
        <v>4878</v>
      </c>
      <c r="H66" s="32">
        <v>5154</v>
      </c>
      <c r="I66" s="32">
        <v>10032</v>
      </c>
      <c r="J66" s="33">
        <v>3890</v>
      </c>
      <c r="K66" s="34">
        <v>61</v>
      </c>
      <c r="L66" s="35">
        <v>4</v>
      </c>
      <c r="M66" s="35">
        <v>65</v>
      </c>
      <c r="N66" s="36">
        <v>84</v>
      </c>
    </row>
    <row r="67" spans="1:14" ht="23.1" customHeight="1" x14ac:dyDescent="0.2">
      <c r="A67" s="37">
        <v>301</v>
      </c>
      <c r="B67" s="38" t="s">
        <v>72</v>
      </c>
      <c r="C67" s="28">
        <v>1054</v>
      </c>
      <c r="D67" s="29">
        <v>1155</v>
      </c>
      <c r="E67" s="29">
        <v>2209</v>
      </c>
      <c r="F67" s="30">
        <v>903</v>
      </c>
      <c r="G67" s="31">
        <v>1051</v>
      </c>
      <c r="H67" s="32">
        <v>1153</v>
      </c>
      <c r="I67" s="32">
        <v>2204</v>
      </c>
      <c r="J67" s="33">
        <v>899</v>
      </c>
      <c r="K67" s="34">
        <v>-3</v>
      </c>
      <c r="L67" s="35">
        <v>-2</v>
      </c>
      <c r="M67" s="35">
        <v>-5</v>
      </c>
      <c r="N67" s="36">
        <v>-4</v>
      </c>
    </row>
    <row r="68" spans="1:14" ht="23.1" customHeight="1" x14ac:dyDescent="0.2">
      <c r="A68" s="37">
        <v>302</v>
      </c>
      <c r="B68" s="38" t="s">
        <v>73</v>
      </c>
      <c r="C68" s="28">
        <v>3614</v>
      </c>
      <c r="D68" s="29">
        <v>3636</v>
      </c>
      <c r="E68" s="29">
        <v>7250</v>
      </c>
      <c r="F68" s="30">
        <v>2834</v>
      </c>
      <c r="G68" s="31">
        <v>3616</v>
      </c>
      <c r="H68" s="32">
        <v>3624</v>
      </c>
      <c r="I68" s="32">
        <v>7240</v>
      </c>
      <c r="J68" s="33">
        <v>2832</v>
      </c>
      <c r="K68" s="34">
        <v>2</v>
      </c>
      <c r="L68" s="35">
        <v>-12</v>
      </c>
      <c r="M68" s="35">
        <v>-10</v>
      </c>
      <c r="N68" s="36">
        <v>-2</v>
      </c>
    </row>
    <row r="69" spans="1:14" ht="23.1" customHeight="1" x14ac:dyDescent="0.2">
      <c r="A69" s="37">
        <v>303</v>
      </c>
      <c r="B69" s="38" t="s">
        <v>74</v>
      </c>
      <c r="C69" s="28">
        <v>3455</v>
      </c>
      <c r="D69" s="29">
        <v>3618</v>
      </c>
      <c r="E69" s="29">
        <v>7073</v>
      </c>
      <c r="F69" s="30">
        <v>2404</v>
      </c>
      <c r="G69" s="31">
        <v>3444</v>
      </c>
      <c r="H69" s="32">
        <v>3613</v>
      </c>
      <c r="I69" s="32">
        <v>7057</v>
      </c>
      <c r="J69" s="33">
        <v>2403</v>
      </c>
      <c r="K69" s="34">
        <v>-11</v>
      </c>
      <c r="L69" s="35">
        <v>-5</v>
      </c>
      <c r="M69" s="35">
        <v>-16</v>
      </c>
      <c r="N69" s="36">
        <v>-1</v>
      </c>
    </row>
    <row r="70" spans="1:14" ht="23.1" customHeight="1" x14ac:dyDescent="0.2">
      <c r="A70" s="37">
        <v>304</v>
      </c>
      <c r="B70" s="38" t="s">
        <v>75</v>
      </c>
      <c r="C70" s="28">
        <v>382</v>
      </c>
      <c r="D70" s="29">
        <v>444</v>
      </c>
      <c r="E70" s="29">
        <v>826</v>
      </c>
      <c r="F70" s="30">
        <v>322</v>
      </c>
      <c r="G70" s="31">
        <v>384</v>
      </c>
      <c r="H70" s="32">
        <v>445</v>
      </c>
      <c r="I70" s="32">
        <v>829</v>
      </c>
      <c r="J70" s="33">
        <v>324</v>
      </c>
      <c r="K70" s="34">
        <v>2</v>
      </c>
      <c r="L70" s="35">
        <v>1</v>
      </c>
      <c r="M70" s="35">
        <v>3</v>
      </c>
      <c r="N70" s="36">
        <v>2</v>
      </c>
    </row>
    <row r="71" spans="1:14" ht="23.1" customHeight="1" x14ac:dyDescent="0.2">
      <c r="A71" s="37">
        <v>305</v>
      </c>
      <c r="B71" s="38" t="s">
        <v>76</v>
      </c>
      <c r="C71" s="28">
        <v>216</v>
      </c>
      <c r="D71" s="29">
        <v>235</v>
      </c>
      <c r="E71" s="29">
        <v>451</v>
      </c>
      <c r="F71" s="30">
        <v>165</v>
      </c>
      <c r="G71" s="31">
        <v>214</v>
      </c>
      <c r="H71" s="32">
        <v>235</v>
      </c>
      <c r="I71" s="32">
        <v>449</v>
      </c>
      <c r="J71" s="33">
        <v>165</v>
      </c>
      <c r="K71" s="34">
        <v>-2</v>
      </c>
      <c r="L71" s="35">
        <v>0</v>
      </c>
      <c r="M71" s="35">
        <v>-2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87</v>
      </c>
      <c r="D72" s="29">
        <v>659</v>
      </c>
      <c r="E72" s="29">
        <v>1246</v>
      </c>
      <c r="F72" s="30">
        <v>410</v>
      </c>
      <c r="G72" s="31">
        <v>587</v>
      </c>
      <c r="H72" s="32">
        <v>657</v>
      </c>
      <c r="I72" s="32">
        <v>1244</v>
      </c>
      <c r="J72" s="33">
        <v>411</v>
      </c>
      <c r="K72" s="34">
        <v>0</v>
      </c>
      <c r="L72" s="35">
        <v>-2</v>
      </c>
      <c r="M72" s="35">
        <v>-2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68</v>
      </c>
      <c r="D73" s="29">
        <v>391</v>
      </c>
      <c r="E73" s="29">
        <v>759</v>
      </c>
      <c r="F73" s="30">
        <v>354</v>
      </c>
      <c r="G73" s="31">
        <v>367</v>
      </c>
      <c r="H73" s="32">
        <v>391</v>
      </c>
      <c r="I73" s="32">
        <v>758</v>
      </c>
      <c r="J73" s="33">
        <v>353</v>
      </c>
      <c r="K73" s="34">
        <v>-1</v>
      </c>
      <c r="L73" s="35">
        <v>0</v>
      </c>
      <c r="M73" s="35">
        <v>-1</v>
      </c>
      <c r="N73" s="36">
        <v>-1</v>
      </c>
    </row>
    <row r="74" spans="1:14" ht="23.1" customHeight="1" x14ac:dyDescent="0.2">
      <c r="A74" s="37">
        <v>308</v>
      </c>
      <c r="B74" s="38" t="s">
        <v>79</v>
      </c>
      <c r="C74" s="28">
        <v>80</v>
      </c>
      <c r="D74" s="29">
        <v>103</v>
      </c>
      <c r="E74" s="29">
        <v>183</v>
      </c>
      <c r="F74" s="30">
        <v>68</v>
      </c>
      <c r="G74" s="31">
        <v>80</v>
      </c>
      <c r="H74" s="32">
        <v>103</v>
      </c>
      <c r="I74" s="32">
        <v>183</v>
      </c>
      <c r="J74" s="33">
        <v>68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8</v>
      </c>
      <c r="D75" s="29">
        <v>24</v>
      </c>
      <c r="E75" s="29">
        <v>62</v>
      </c>
      <c r="F75" s="30">
        <v>38</v>
      </c>
      <c r="G75" s="31">
        <v>36</v>
      </c>
      <c r="H75" s="32">
        <v>21</v>
      </c>
      <c r="I75" s="32">
        <v>57</v>
      </c>
      <c r="J75" s="33">
        <v>35</v>
      </c>
      <c r="K75" s="34">
        <v>-2</v>
      </c>
      <c r="L75" s="35">
        <v>-3</v>
      </c>
      <c r="M75" s="35">
        <v>-5</v>
      </c>
      <c r="N75" s="36">
        <v>-3</v>
      </c>
    </row>
    <row r="76" spans="1:14" ht="23.1" customHeight="1" x14ac:dyDescent="0.2">
      <c r="A76" s="37">
        <v>399</v>
      </c>
      <c r="B76" s="38" t="s">
        <v>81</v>
      </c>
      <c r="C76" s="28">
        <v>9794</v>
      </c>
      <c r="D76" s="29">
        <v>10265</v>
      </c>
      <c r="E76" s="29">
        <v>20059</v>
      </c>
      <c r="F76" s="30">
        <v>7498</v>
      </c>
      <c r="G76" s="31">
        <v>9779</v>
      </c>
      <c r="H76" s="32">
        <v>10242</v>
      </c>
      <c r="I76" s="32">
        <v>20021</v>
      </c>
      <c r="J76" s="33">
        <v>7490</v>
      </c>
      <c r="K76" s="34">
        <v>-15</v>
      </c>
      <c r="L76" s="35">
        <v>-23</v>
      </c>
      <c r="M76" s="35">
        <v>-38</v>
      </c>
      <c r="N76" s="36">
        <v>-8</v>
      </c>
    </row>
    <row r="77" spans="1:14" ht="23.1" customHeight="1" x14ac:dyDescent="0.2">
      <c r="A77" s="37">
        <v>401</v>
      </c>
      <c r="B77" s="38" t="s">
        <v>82</v>
      </c>
      <c r="C77" s="28">
        <v>5990</v>
      </c>
      <c r="D77" s="29">
        <v>6137</v>
      </c>
      <c r="E77" s="29">
        <v>12127</v>
      </c>
      <c r="F77" s="30">
        <v>4570</v>
      </c>
      <c r="G77" s="31">
        <v>5992</v>
      </c>
      <c r="H77" s="32">
        <v>6139</v>
      </c>
      <c r="I77" s="32">
        <v>12131</v>
      </c>
      <c r="J77" s="33">
        <v>4571</v>
      </c>
      <c r="K77" s="34">
        <v>2</v>
      </c>
      <c r="L77" s="35">
        <v>2</v>
      </c>
      <c r="M77" s="35">
        <v>4</v>
      </c>
      <c r="N77" s="36">
        <v>1</v>
      </c>
    </row>
    <row r="78" spans="1:14" ht="23.1" customHeight="1" x14ac:dyDescent="0.2">
      <c r="A78" s="37">
        <v>402</v>
      </c>
      <c r="B78" s="38" t="s">
        <v>83</v>
      </c>
      <c r="C78" s="28">
        <v>5916</v>
      </c>
      <c r="D78" s="29">
        <v>6083</v>
      </c>
      <c r="E78" s="29">
        <v>11999</v>
      </c>
      <c r="F78" s="30">
        <v>4542</v>
      </c>
      <c r="G78" s="31">
        <v>5908</v>
      </c>
      <c r="H78" s="32">
        <v>6068</v>
      </c>
      <c r="I78" s="32">
        <v>11976</v>
      </c>
      <c r="J78" s="33">
        <v>4535</v>
      </c>
      <c r="K78" s="34">
        <v>-8</v>
      </c>
      <c r="L78" s="35">
        <v>-15</v>
      </c>
      <c r="M78" s="35">
        <v>-23</v>
      </c>
      <c r="N78" s="36">
        <v>-7</v>
      </c>
    </row>
    <row r="79" spans="1:14" ht="23.1" customHeight="1" x14ac:dyDescent="0.2">
      <c r="A79" s="37">
        <v>403</v>
      </c>
      <c r="B79" s="38" t="s">
        <v>84</v>
      </c>
      <c r="C79" s="28">
        <v>693</v>
      </c>
      <c r="D79" s="29">
        <v>758</v>
      </c>
      <c r="E79" s="29">
        <v>1451</v>
      </c>
      <c r="F79" s="30">
        <v>494</v>
      </c>
      <c r="G79" s="31">
        <v>697</v>
      </c>
      <c r="H79" s="32">
        <v>760</v>
      </c>
      <c r="I79" s="32">
        <v>1457</v>
      </c>
      <c r="J79" s="33">
        <v>494</v>
      </c>
      <c r="K79" s="34">
        <v>4</v>
      </c>
      <c r="L79" s="35">
        <v>2</v>
      </c>
      <c r="M79" s="35">
        <v>6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106</v>
      </c>
      <c r="D80" s="29">
        <v>1173</v>
      </c>
      <c r="E80" s="29">
        <v>2279</v>
      </c>
      <c r="F80" s="30">
        <v>788</v>
      </c>
      <c r="G80" s="31">
        <v>1105</v>
      </c>
      <c r="H80" s="32">
        <v>1173</v>
      </c>
      <c r="I80" s="32">
        <v>2278</v>
      </c>
      <c r="J80" s="33">
        <v>786</v>
      </c>
      <c r="K80" s="34">
        <v>-1</v>
      </c>
      <c r="L80" s="35">
        <v>0</v>
      </c>
      <c r="M80" s="35">
        <v>-1</v>
      </c>
      <c r="N80" s="36">
        <v>-2</v>
      </c>
    </row>
    <row r="81" spans="1:14" ht="23.1" customHeight="1" x14ac:dyDescent="0.2">
      <c r="A81" s="37">
        <v>405</v>
      </c>
      <c r="B81" s="38" t="s">
        <v>86</v>
      </c>
      <c r="C81" s="28">
        <v>1656</v>
      </c>
      <c r="D81" s="29">
        <v>1736</v>
      </c>
      <c r="E81" s="29">
        <v>3392</v>
      </c>
      <c r="F81" s="30">
        <v>1256</v>
      </c>
      <c r="G81" s="31">
        <v>1654</v>
      </c>
      <c r="H81" s="32">
        <v>1738</v>
      </c>
      <c r="I81" s="32">
        <v>3392</v>
      </c>
      <c r="J81" s="33">
        <v>1256</v>
      </c>
      <c r="K81" s="34">
        <v>-2</v>
      </c>
      <c r="L81" s="35">
        <v>2</v>
      </c>
      <c r="M81" s="35">
        <v>0</v>
      </c>
      <c r="N81" s="36">
        <v>0</v>
      </c>
    </row>
    <row r="82" spans="1:14" ht="23.1" customHeight="1" x14ac:dyDescent="0.2">
      <c r="A82" s="37">
        <v>406</v>
      </c>
      <c r="B82" s="38" t="s">
        <v>87</v>
      </c>
      <c r="C82" s="28">
        <v>1900</v>
      </c>
      <c r="D82" s="29">
        <v>2050</v>
      </c>
      <c r="E82" s="29">
        <v>3950</v>
      </c>
      <c r="F82" s="30">
        <v>1527</v>
      </c>
      <c r="G82" s="31">
        <v>1905</v>
      </c>
      <c r="H82" s="32">
        <v>2059</v>
      </c>
      <c r="I82" s="32">
        <v>3964</v>
      </c>
      <c r="J82" s="33">
        <v>1535</v>
      </c>
      <c r="K82" s="34">
        <v>5</v>
      </c>
      <c r="L82" s="35">
        <v>9</v>
      </c>
      <c r="M82" s="35">
        <v>14</v>
      </c>
      <c r="N82" s="36">
        <v>8</v>
      </c>
    </row>
    <row r="83" spans="1:14" ht="23.1" customHeight="1" x14ac:dyDescent="0.2">
      <c r="A83" s="37">
        <v>407</v>
      </c>
      <c r="B83" s="38" t="s">
        <v>88</v>
      </c>
      <c r="C83" s="28">
        <v>691</v>
      </c>
      <c r="D83" s="29">
        <v>742</v>
      </c>
      <c r="E83" s="29">
        <v>1433</v>
      </c>
      <c r="F83" s="30">
        <v>479</v>
      </c>
      <c r="G83" s="31">
        <v>688</v>
      </c>
      <c r="H83" s="32">
        <v>742</v>
      </c>
      <c r="I83" s="32">
        <v>1430</v>
      </c>
      <c r="J83" s="33">
        <v>478</v>
      </c>
      <c r="K83" s="34">
        <v>-3</v>
      </c>
      <c r="L83" s="35">
        <v>0</v>
      </c>
      <c r="M83" s="35">
        <v>-3</v>
      </c>
      <c r="N83" s="36">
        <v>-1</v>
      </c>
    </row>
    <row r="84" spans="1:14" ht="23.1" customHeight="1" x14ac:dyDescent="0.2">
      <c r="A84" s="37">
        <v>408</v>
      </c>
      <c r="B84" s="38" t="s">
        <v>89</v>
      </c>
      <c r="C84" s="28">
        <v>2414</v>
      </c>
      <c r="D84" s="29">
        <v>2525</v>
      </c>
      <c r="E84" s="29">
        <v>4939</v>
      </c>
      <c r="F84" s="30">
        <v>1652</v>
      </c>
      <c r="G84" s="31">
        <v>2422</v>
      </c>
      <c r="H84" s="32">
        <v>2527</v>
      </c>
      <c r="I84" s="32">
        <v>4949</v>
      </c>
      <c r="J84" s="33">
        <v>1654</v>
      </c>
      <c r="K84" s="34">
        <v>8</v>
      </c>
      <c r="L84" s="35">
        <v>2</v>
      </c>
      <c r="M84" s="35">
        <v>10</v>
      </c>
      <c r="N84" s="36">
        <v>2</v>
      </c>
    </row>
    <row r="85" spans="1:14" ht="23.1" customHeight="1" x14ac:dyDescent="0.2">
      <c r="A85" s="37">
        <v>499</v>
      </c>
      <c r="B85" s="38" t="s">
        <v>90</v>
      </c>
      <c r="C85" s="28">
        <v>20366</v>
      </c>
      <c r="D85" s="29">
        <v>21204</v>
      </c>
      <c r="E85" s="29">
        <v>41570</v>
      </c>
      <c r="F85" s="30">
        <v>15308</v>
      </c>
      <c r="G85" s="31">
        <v>20371</v>
      </c>
      <c r="H85" s="32">
        <v>21206</v>
      </c>
      <c r="I85" s="32">
        <v>41577</v>
      </c>
      <c r="J85" s="33">
        <v>15309</v>
      </c>
      <c r="K85" s="34">
        <v>5</v>
      </c>
      <c r="L85" s="35">
        <v>2</v>
      </c>
      <c r="M85" s="35">
        <v>7</v>
      </c>
      <c r="N85" s="36">
        <v>1</v>
      </c>
    </row>
    <row r="86" spans="1:14" ht="23.1" customHeight="1" x14ac:dyDescent="0.2">
      <c r="A86" s="37">
        <v>501</v>
      </c>
      <c r="B86" s="38" t="s">
        <v>91</v>
      </c>
      <c r="C86" s="28">
        <v>5</v>
      </c>
      <c r="D86" s="29">
        <v>9</v>
      </c>
      <c r="E86" s="29">
        <v>14</v>
      </c>
      <c r="F86" s="30">
        <v>6</v>
      </c>
      <c r="G86" s="31">
        <v>5</v>
      </c>
      <c r="H86" s="32">
        <v>9</v>
      </c>
      <c r="I86" s="32">
        <v>14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66</v>
      </c>
      <c r="D87" s="29">
        <v>504</v>
      </c>
      <c r="E87" s="29">
        <v>970</v>
      </c>
      <c r="F87" s="30">
        <v>322</v>
      </c>
      <c r="G87" s="31">
        <v>466</v>
      </c>
      <c r="H87" s="32">
        <v>501</v>
      </c>
      <c r="I87" s="32">
        <v>967</v>
      </c>
      <c r="J87" s="33">
        <v>323</v>
      </c>
      <c r="K87" s="34">
        <v>0</v>
      </c>
      <c r="L87" s="35">
        <v>-3</v>
      </c>
      <c r="M87" s="35">
        <v>-3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93</v>
      </c>
      <c r="D88" s="29">
        <v>83</v>
      </c>
      <c r="E88" s="29">
        <v>176</v>
      </c>
      <c r="F88" s="30">
        <v>63</v>
      </c>
      <c r="G88" s="31">
        <v>93</v>
      </c>
      <c r="H88" s="32">
        <v>83</v>
      </c>
      <c r="I88" s="32">
        <v>176</v>
      </c>
      <c r="J88" s="33">
        <v>63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51</v>
      </c>
      <c r="D89" s="29">
        <v>148</v>
      </c>
      <c r="E89" s="29">
        <v>299</v>
      </c>
      <c r="F89" s="30">
        <v>124</v>
      </c>
      <c r="G89" s="31">
        <v>151</v>
      </c>
      <c r="H89" s="32">
        <v>148</v>
      </c>
      <c r="I89" s="32">
        <v>299</v>
      </c>
      <c r="J89" s="33">
        <v>124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715</v>
      </c>
      <c r="D90" s="29">
        <v>744</v>
      </c>
      <c r="E90" s="29">
        <v>1459</v>
      </c>
      <c r="F90" s="30">
        <v>515</v>
      </c>
      <c r="G90" s="31">
        <v>715</v>
      </c>
      <c r="H90" s="32">
        <v>741</v>
      </c>
      <c r="I90" s="32">
        <v>1456</v>
      </c>
      <c r="J90" s="33">
        <v>516</v>
      </c>
      <c r="K90" s="34">
        <v>0</v>
      </c>
      <c r="L90" s="35">
        <v>-3</v>
      </c>
      <c r="M90" s="35">
        <v>-3</v>
      </c>
      <c r="N90" s="36">
        <v>1</v>
      </c>
    </row>
    <row r="91" spans="1:14" ht="23.1" customHeight="1" x14ac:dyDescent="0.2">
      <c r="A91" s="37">
        <v>601</v>
      </c>
      <c r="B91" s="38" t="s">
        <v>96</v>
      </c>
      <c r="C91" s="28">
        <v>488</v>
      </c>
      <c r="D91" s="29">
        <v>524</v>
      </c>
      <c r="E91" s="29">
        <v>1012</v>
      </c>
      <c r="F91" s="30">
        <v>398</v>
      </c>
      <c r="G91" s="31">
        <v>489</v>
      </c>
      <c r="H91" s="32">
        <v>519</v>
      </c>
      <c r="I91" s="32">
        <v>1008</v>
      </c>
      <c r="J91" s="33">
        <v>396</v>
      </c>
      <c r="K91" s="34">
        <v>1</v>
      </c>
      <c r="L91" s="35">
        <v>-5</v>
      </c>
      <c r="M91" s="35">
        <v>-4</v>
      </c>
      <c r="N91" s="36">
        <v>-2</v>
      </c>
    </row>
    <row r="92" spans="1:14" ht="23.1" customHeight="1" x14ac:dyDescent="0.2">
      <c r="A92" s="37">
        <v>602</v>
      </c>
      <c r="B92" s="38" t="s">
        <v>97</v>
      </c>
      <c r="C92" s="28">
        <v>141</v>
      </c>
      <c r="D92" s="29">
        <v>161</v>
      </c>
      <c r="E92" s="29">
        <v>302</v>
      </c>
      <c r="F92" s="30">
        <v>125</v>
      </c>
      <c r="G92" s="31">
        <v>141</v>
      </c>
      <c r="H92" s="32">
        <v>163</v>
      </c>
      <c r="I92" s="32">
        <v>304</v>
      </c>
      <c r="J92" s="33">
        <v>127</v>
      </c>
      <c r="K92" s="34">
        <v>0</v>
      </c>
      <c r="L92" s="35">
        <v>2</v>
      </c>
      <c r="M92" s="35">
        <v>2</v>
      </c>
      <c r="N92" s="36">
        <v>2</v>
      </c>
    </row>
    <row r="93" spans="1:14" ht="23.1" customHeight="1" x14ac:dyDescent="0.2">
      <c r="A93" s="39">
        <v>699</v>
      </c>
      <c r="B93" s="40" t="s">
        <v>98</v>
      </c>
      <c r="C93" s="41">
        <v>629</v>
      </c>
      <c r="D93" s="42">
        <v>685</v>
      </c>
      <c r="E93" s="42">
        <v>1314</v>
      </c>
      <c r="F93" s="43">
        <v>523</v>
      </c>
      <c r="G93" s="44">
        <v>630</v>
      </c>
      <c r="H93" s="45">
        <v>682</v>
      </c>
      <c r="I93" s="45">
        <v>1312</v>
      </c>
      <c r="J93" s="46">
        <v>523</v>
      </c>
      <c r="K93" s="47">
        <v>1</v>
      </c>
      <c r="L93" s="48">
        <v>-3</v>
      </c>
      <c r="M93" s="48">
        <v>-2</v>
      </c>
      <c r="N93" s="49">
        <v>0</v>
      </c>
    </row>
    <row r="94" spans="1:14" ht="23.1" customHeight="1" x14ac:dyDescent="0.2">
      <c r="A94" s="50"/>
      <c r="B94" s="51" t="s">
        <v>99</v>
      </c>
      <c r="C94" s="52">
        <v>203415</v>
      </c>
      <c r="D94" s="53">
        <v>214057</v>
      </c>
      <c r="E94" s="53">
        <v>417472</v>
      </c>
      <c r="F94" s="54">
        <v>177786</v>
      </c>
      <c r="G94" s="55">
        <v>203559</v>
      </c>
      <c r="H94" s="56">
        <v>214035</v>
      </c>
      <c r="I94" s="56">
        <v>417594</v>
      </c>
      <c r="J94" s="57">
        <v>178027</v>
      </c>
      <c r="K94" s="58">
        <v>144</v>
      </c>
      <c r="L94" s="59">
        <v>-22</v>
      </c>
      <c r="M94" s="59">
        <v>122</v>
      </c>
      <c r="N94" s="60">
        <v>241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8-02T02:51:24Z</dcterms:created>
  <dcterms:modified xsi:type="dcterms:W3CDTF">2018-08-02T02:51:25Z</dcterms:modified>
</cp:coreProperties>
</file>